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2024\s0230\04_科学部科学支援課\R6年度\B3 青少年科学体験支援事業\B302 依頼型科学教室\"/>
    </mc:Choice>
  </mc:AlternateContent>
  <bookViews>
    <workbookView xWindow="240" yWindow="45" windowWidth="14940" windowHeight="9000"/>
  </bookViews>
  <sheets>
    <sheet name="申込書 (新)" sheetId="8" r:id="rId1"/>
    <sheet name="申込書 (新) (提出依頼状付き)" sheetId="9" r:id="rId2"/>
  </sheets>
  <definedNames>
    <definedName name="_xlnm.Print_Area" localSheetId="0">'申込書 (新)'!$A$1:$B$29</definedName>
    <definedName name="_xlnm.Print_Area" localSheetId="1">'申込書 (新) (提出依頼状付き)'!$A$1:$B$44</definedName>
  </definedNames>
  <calcPr calcId="162913"/>
</workbook>
</file>

<file path=xl/sharedStrings.xml><?xml version="1.0" encoding="utf-8"?>
<sst xmlns="http://schemas.openxmlformats.org/spreadsheetml/2006/main" count="78" uniqueCount="41">
  <si>
    <t>連絡先</t>
    <rPh sb="0" eb="3">
      <t>レンラクサキ</t>
    </rPh>
    <phoneticPr fontId="1"/>
  </si>
  <si>
    <t>対象者</t>
    <rPh sb="0" eb="3">
      <t>タイショウシャ</t>
    </rPh>
    <phoneticPr fontId="1"/>
  </si>
  <si>
    <t>主催（依頼）団体名</t>
    <rPh sb="0" eb="2">
      <t>シュサイ</t>
    </rPh>
    <rPh sb="3" eb="5">
      <t>イライ</t>
    </rPh>
    <rPh sb="6" eb="8">
      <t>ダンタイ</t>
    </rPh>
    <rPh sb="8" eb="9">
      <t>メイ</t>
    </rPh>
    <phoneticPr fontId="1"/>
  </si>
  <si>
    <t>TEL</t>
    <phoneticPr fontId="1"/>
  </si>
  <si>
    <t>　E-mail</t>
    <phoneticPr fontId="1"/>
  </si>
  <si>
    <t>　〒</t>
    <phoneticPr fontId="1"/>
  </si>
  <si>
    <t>　TEL　　　　　　　　　　　　　　　　　　　　　　　　　　FAX</t>
    <phoneticPr fontId="1"/>
  </si>
  <si>
    <t>記入年月日</t>
    <rPh sb="0" eb="2">
      <t>キニュウ</t>
    </rPh>
    <rPh sb="2" eb="5">
      <t>ネンガッピ</t>
    </rPh>
    <phoneticPr fontId="1"/>
  </si>
  <si>
    <t>要望</t>
    <rPh sb="0" eb="2">
      <t>ヨウボウ</t>
    </rPh>
    <phoneticPr fontId="1"/>
  </si>
  <si>
    <t>最寄り駅</t>
    <rPh sb="0" eb="2">
      <t>モヨ</t>
    </rPh>
    <rPh sb="3" eb="4">
      <t>エキ</t>
    </rPh>
    <phoneticPr fontId="1"/>
  </si>
  <si>
    <t>　　　　　　　　　　　　　　　　駅　（最寄りバス停　　　　　　　　　　　　　　　　　　　　）　</t>
    <rPh sb="16" eb="17">
      <t>エキ</t>
    </rPh>
    <rPh sb="19" eb="21">
      <t>モヨ</t>
    </rPh>
    <rPh sb="24" eb="25">
      <t>テイ</t>
    </rPh>
    <phoneticPr fontId="1"/>
  </si>
  <si>
    <t>以下は記入しないでください。</t>
    <rPh sb="0" eb="2">
      <t>イカ</t>
    </rPh>
    <rPh sb="3" eb="5">
      <t>キニュウ</t>
    </rPh>
    <phoneticPr fontId="1"/>
  </si>
  <si>
    <t>＜送付先＞</t>
    <rPh sb="1" eb="3">
      <t>ソウフ</t>
    </rPh>
    <rPh sb="3" eb="4">
      <t>サキ</t>
    </rPh>
    <phoneticPr fontId="1"/>
  </si>
  <si>
    <t>青少年センター科学部長　宛</t>
    <phoneticPr fontId="1"/>
  </si>
  <si>
    <t>（予算、テーマ、ねらい　など）</t>
    <rPh sb="1" eb="3">
      <t>ヨサン</t>
    </rPh>
    <phoneticPr fontId="1"/>
  </si>
  <si>
    <t>希望日時</t>
    <rPh sb="0" eb="2">
      <t>キボウ</t>
    </rPh>
    <rPh sb="2" eb="4">
      <t>ニチジ</t>
    </rPh>
    <phoneticPr fontId="1"/>
  </si>
  <si>
    <t>　　　　　年　　　　　　月　　　　日　（　　　）　　　　　時　　　　分　～　　　　　時　　　　分</t>
    <rPh sb="5" eb="6">
      <t>ネン</t>
    </rPh>
    <rPh sb="12" eb="13">
      <t>ガツ</t>
    </rPh>
    <rPh sb="17" eb="18">
      <t>ニチ</t>
    </rPh>
    <phoneticPr fontId="1"/>
  </si>
  <si>
    <t>会場</t>
    <rPh sb="0" eb="2">
      <t>カイジョウ</t>
    </rPh>
    <phoneticPr fontId="1"/>
  </si>
  <si>
    <t>内容</t>
    <rPh sb="0" eb="2">
      <t>ナイヨウ</t>
    </rPh>
    <phoneticPr fontId="1"/>
  </si>
  <si>
    <t>所在地</t>
    <rPh sb="0" eb="3">
      <t>ショザイチ</t>
    </rPh>
    <phoneticPr fontId="1"/>
  </si>
  <si>
    <t>※実施時間は１～２時間程度をご記入ください。
（上記実施時間のほかに、準備・片付けのために前後１時間程度を設けますのでご承知おきください。）</t>
    <rPh sb="1" eb="3">
      <t>ジッシ</t>
    </rPh>
    <rPh sb="3" eb="5">
      <t>ジカン</t>
    </rPh>
    <rPh sb="9" eb="11">
      <t>ジカン</t>
    </rPh>
    <rPh sb="11" eb="13">
      <t>テイド</t>
    </rPh>
    <rPh sb="15" eb="17">
      <t>キニュウ</t>
    </rPh>
    <rPh sb="24" eb="26">
      <t>ジョウキ</t>
    </rPh>
    <rPh sb="26" eb="28">
      <t>ジッシ</t>
    </rPh>
    <rPh sb="28" eb="30">
      <t>ジカン</t>
    </rPh>
    <rPh sb="35" eb="37">
      <t>ジュンビ</t>
    </rPh>
    <rPh sb="38" eb="40">
      <t>カタヅ</t>
    </rPh>
    <rPh sb="45" eb="47">
      <t>ゼンゴ</t>
    </rPh>
    <rPh sb="48" eb="50">
      <t>ジカン</t>
    </rPh>
    <rPh sb="50" eb="52">
      <t>テイド</t>
    </rPh>
    <rPh sb="53" eb="54">
      <t>モウ</t>
    </rPh>
    <rPh sb="60" eb="62">
      <t>ショウチ</t>
    </rPh>
    <phoneticPr fontId="1"/>
  </si>
  <si>
    <t>代表者
役職・氏名</t>
    <rPh sb="0" eb="3">
      <t>ダイヒョウシャ</t>
    </rPh>
    <rPh sb="4" eb="6">
      <t>ヤクショク</t>
    </rPh>
    <rPh sb="7" eb="9">
      <t>シメイ</t>
    </rPh>
    <phoneticPr fontId="1"/>
  </si>
  <si>
    <t>実験ショー　　・　　科学工作　　・　　星空教室　　・　　ロボットプログラム</t>
    <rPh sb="0" eb="2">
      <t>ジッケン</t>
    </rPh>
    <rPh sb="10" eb="12">
      <t>カガク</t>
    </rPh>
    <phoneticPr fontId="1"/>
  </si>
  <si>
    <t>担当者
氏名</t>
    <rPh sb="0" eb="3">
      <t>タントウシャ</t>
    </rPh>
    <rPh sb="4" eb="6">
      <t>シメイ</t>
    </rPh>
    <phoneticPr fontId="1"/>
  </si>
  <si>
    <t>「依頼型科学教室　申込みの手引き」を読み、太枠の中のみ記入してください。（選択肢は○で囲んでください。）</t>
    <rPh sb="1" eb="3">
      <t>イライ</t>
    </rPh>
    <rPh sb="3" eb="4">
      <t>ガタ</t>
    </rPh>
    <rPh sb="4" eb="6">
      <t>カガク</t>
    </rPh>
    <rPh sb="6" eb="8">
      <t>キョウシツ</t>
    </rPh>
    <rPh sb="9" eb="11">
      <t>モウシコ</t>
    </rPh>
    <rPh sb="13" eb="15">
      <t>テビ</t>
    </rPh>
    <rPh sb="18" eb="19">
      <t>ヨ</t>
    </rPh>
    <rPh sb="21" eb="23">
      <t>フトワク</t>
    </rPh>
    <rPh sb="24" eb="25">
      <t>ナカ</t>
    </rPh>
    <rPh sb="27" eb="29">
      <t>キニュウ</t>
    </rPh>
    <rPh sb="37" eb="40">
      <t>センタクシ</t>
    </rPh>
    <rPh sb="43" eb="44">
      <t>カコ</t>
    </rPh>
    <phoneticPr fontId="1"/>
  </si>
  <si>
    <t>該当するところをすべて丸（○）で囲んでください。　</t>
    <phoneticPr fontId="1"/>
  </si>
  <si>
    <t>小学校 （　１　・　２　・　３　・　４　・　５　・　６　） 年生　　・　　中学校 （　１　・　２　・　３　） 年生</t>
    <rPh sb="0" eb="3">
      <t>ショウガッコウ</t>
    </rPh>
    <rPh sb="30" eb="32">
      <t>ネンセイ</t>
    </rPh>
    <phoneticPr fontId="1"/>
  </si>
  <si>
    <t>郵送　〒243-0018 厚木市中町４－16－21プロミティあつぎビル２階</t>
    <rPh sb="0" eb="2">
      <t>ユウソウ</t>
    </rPh>
    <rPh sb="13" eb="16">
      <t>アツギシ</t>
    </rPh>
    <rPh sb="16" eb="18">
      <t>ナカマチ</t>
    </rPh>
    <rPh sb="36" eb="37">
      <t>カイ</t>
    </rPh>
    <phoneticPr fontId="1"/>
  </si>
  <si>
    <r>
      <rPr>
        <sz val="16"/>
        <rFont val="ＭＳ Ｐゴシック"/>
        <family val="3"/>
        <charset val="128"/>
        <scheme val="major"/>
      </rPr>
      <t>ＦＡＸ 　046－222－63</t>
    </r>
    <r>
      <rPr>
        <sz val="18"/>
        <rFont val="ＭＳ Ｐゴシック"/>
        <family val="3"/>
        <charset val="128"/>
        <scheme val="major"/>
      </rPr>
      <t>73</t>
    </r>
    <r>
      <rPr>
        <sz val="11"/>
        <rFont val="ＭＳ Ｐゴシック"/>
        <family val="3"/>
        <charset val="128"/>
        <scheme val="major"/>
      </rPr>
      <t xml:space="preserve"> </t>
    </r>
    <phoneticPr fontId="1"/>
  </si>
  <si>
    <t>計　約（　　　　　　）人</t>
    <phoneticPr fontId="1"/>
  </si>
  <si>
    <t>当該教室
担当職員</t>
    <rPh sb="0" eb="2">
      <t>トウガイ</t>
    </rPh>
    <rPh sb="2" eb="4">
      <t>キョウシツ</t>
    </rPh>
    <rPh sb="5" eb="7">
      <t>タントウ</t>
    </rPh>
    <rPh sb="7" eb="9">
      <t>ショクイン</t>
    </rPh>
    <phoneticPr fontId="1"/>
  </si>
  <si>
    <t>備考</t>
    <rPh sb="0" eb="2">
      <t>ビコウ</t>
    </rPh>
    <phoneticPr fontId="1"/>
  </si>
  <si>
    <t>　　　　　　　　　年　　　　　　月　　　　　　日（　　　　）　　　　　　　　</t>
    <rPh sb="9" eb="10">
      <t>ネン</t>
    </rPh>
    <rPh sb="16" eb="17">
      <t>ガツ</t>
    </rPh>
    <rPh sb="23" eb="24">
      <t>ニチ</t>
    </rPh>
    <phoneticPr fontId="1"/>
  </si>
  <si>
    <t>　　　　　　　　　年　　　　　　月　　　　　　日（　　　　）　　　　　　　　時　　　　分　～　</t>
    <phoneticPr fontId="1"/>
  </si>
  <si>
    <t>打合せ</t>
    <rPh sb="0" eb="2">
      <t>ウチアワ</t>
    </rPh>
    <phoneticPr fontId="1"/>
  </si>
  <si>
    <t>高校 （　１　・　２　・　３　） 年生　　　・　　　指導者等（具体的に            　     　　　　            　　    ）　　　　　　　　　　　　　</t>
    <rPh sb="26" eb="29">
      <t>シドウシャ</t>
    </rPh>
    <rPh sb="29" eb="30">
      <t>トウ</t>
    </rPh>
    <phoneticPr fontId="1"/>
  </si>
  <si>
    <t>　次ページの申込書をご提出いただきますよう、よろしくお願いいたします。</t>
    <rPh sb="1" eb="2">
      <t>ツギ</t>
    </rPh>
    <rPh sb="6" eb="8">
      <t>モウシコミ</t>
    </rPh>
    <rPh sb="8" eb="9">
      <t>ショ</t>
    </rPh>
    <rPh sb="11" eb="13">
      <t>テイシュツ</t>
    </rPh>
    <rPh sb="27" eb="28">
      <t>ネガ</t>
    </rPh>
    <phoneticPr fontId="1"/>
  </si>
  <si>
    <t>神奈川県立青少年センター科学部　＿＿＿＿＿</t>
    <rPh sb="0" eb="5">
      <t>カナガワケンリツ</t>
    </rPh>
    <rPh sb="5" eb="8">
      <t>セイショウネン</t>
    </rPh>
    <rPh sb="12" eb="15">
      <t>カガクブ</t>
    </rPh>
    <phoneticPr fontId="1"/>
  </si>
  <si>
    <t>＿＿＿＿＿＿＿＿＿＿＿＿＿　様</t>
    <rPh sb="14" eb="15">
      <t>サマ</t>
    </rPh>
    <phoneticPr fontId="1"/>
  </si>
  <si>
    <t>依頼型科学教室　申込書</t>
    <rPh sb="0" eb="2">
      <t>イライ</t>
    </rPh>
    <rPh sb="2" eb="3">
      <t>ガタ</t>
    </rPh>
    <rPh sb="3" eb="5">
      <t>カガク</t>
    </rPh>
    <rPh sb="5" eb="7">
      <t>キョウシツ</t>
    </rPh>
    <rPh sb="8" eb="11">
      <t>モウシコミショ</t>
    </rPh>
    <phoneticPr fontId="1"/>
  </si>
  <si>
    <t>依頼型科学教室　申込書のご提出依頼</t>
    <rPh sb="0" eb="2">
      <t>イライ</t>
    </rPh>
    <rPh sb="2" eb="3">
      <t>ガタ</t>
    </rPh>
    <rPh sb="3" eb="5">
      <t>カガク</t>
    </rPh>
    <rPh sb="5" eb="7">
      <t>キョウシツ</t>
    </rPh>
    <rPh sb="8" eb="11">
      <t>モウシコミショ</t>
    </rPh>
    <rPh sb="13" eb="15">
      <t>テイシュツ</t>
    </rPh>
    <rPh sb="15" eb="17">
      <t>イラ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ajor"/>
    </font>
    <font>
      <sz val="11"/>
      <name val="ＭＳ Ｐ明朝"/>
      <family val="1"/>
      <charset val="128"/>
    </font>
    <font>
      <sz val="16"/>
      <name val="ＭＳ Ｐゴシック"/>
      <family val="3"/>
      <charset val="128"/>
      <scheme val="major"/>
    </font>
    <font>
      <sz val="18"/>
      <name val="ＭＳ Ｐゴシック"/>
      <family val="3"/>
      <charset val="128"/>
      <scheme val="major"/>
    </font>
    <font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ゴシック"/>
      <family val="3"/>
      <charset val="128"/>
      <scheme val="maj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2" fillId="0" borderId="0" xfId="0" applyFont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3" xfId="0" applyFont="1" applyBorder="1" applyAlignment="1">
      <alignment horizontal="left" vertical="center"/>
    </xf>
    <xf numFmtId="0" fontId="3" fillId="0" borderId="8" xfId="0" applyFont="1" applyBorder="1" applyAlignment="1">
      <alignment horizontal="left" vertical="center"/>
    </xf>
    <xf numFmtId="0" fontId="3" fillId="0" borderId="10" xfId="0" applyFont="1" applyBorder="1" applyAlignment="1">
      <alignment horizontal="left" vertical="center"/>
    </xf>
    <xf numFmtId="0" fontId="3" fillId="0" borderId="9" xfId="0" applyFont="1" applyBorder="1" applyAlignment="1">
      <alignment horizontal="center" vertical="center"/>
    </xf>
    <xf numFmtId="0" fontId="3" fillId="0" borderId="3" xfId="0" applyFont="1" applyBorder="1" applyAlignment="1">
      <alignment horizontal="right" vertical="center"/>
    </xf>
    <xf numFmtId="0" fontId="3" fillId="0" borderId="8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right" vertical="center" indent="3"/>
    </xf>
    <xf numFmtId="0" fontId="3" fillId="0" borderId="3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left" vertical="top"/>
    </xf>
    <xf numFmtId="0" fontId="2" fillId="0" borderId="6" xfId="0" applyFont="1" applyBorder="1" applyAlignment="1">
      <alignment horizontal="center" vertical="center" shrinkToFit="1"/>
    </xf>
    <xf numFmtId="0" fontId="7" fillId="0" borderId="9" xfId="0" applyFont="1" applyBorder="1" applyAlignment="1">
      <alignment horizontal="right" wrapText="1"/>
    </xf>
    <xf numFmtId="0" fontId="2" fillId="0" borderId="1" xfId="0" applyFont="1" applyBorder="1" applyAlignment="1">
      <alignment horizontal="center" vertical="center" wrapText="1" shrinkToFit="1"/>
    </xf>
    <xf numFmtId="0" fontId="7" fillId="0" borderId="3" xfId="0" applyFont="1" applyBorder="1" applyAlignment="1">
      <alignment horizontal="right" vertical="center"/>
    </xf>
    <xf numFmtId="0" fontId="7" fillId="0" borderId="9" xfId="0" applyFont="1" applyBorder="1" applyAlignment="1">
      <alignment horizontal="left" vertical="center" wrapText="1"/>
    </xf>
    <xf numFmtId="0" fontId="7" fillId="0" borderId="8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3" fillId="0" borderId="7" xfId="0" applyFont="1" applyBorder="1" applyAlignment="1">
      <alignment horizontal="left" vertical="center"/>
    </xf>
    <xf numFmtId="0" fontId="6" fillId="0" borderId="15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right" vertical="center"/>
    </xf>
    <xf numFmtId="0" fontId="6" fillId="0" borderId="15" xfId="0" applyFont="1" applyBorder="1" applyAlignment="1">
      <alignment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/>
    </xf>
    <xf numFmtId="0" fontId="6" fillId="0" borderId="4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6" fillId="0" borderId="5" xfId="0" applyFont="1" applyBorder="1" applyAlignment="1">
      <alignment horizont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8" fillId="0" borderId="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center" vertical="center" shrinkToFit="1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9"/>
  <sheetViews>
    <sheetView tabSelected="1" zoomScaleNormal="100" zoomScaleSheetLayoutView="90" zoomScalePageLayoutView="70" workbookViewId="0">
      <selection activeCell="A4" sqref="A4:B4"/>
    </sheetView>
  </sheetViews>
  <sheetFormatPr defaultColWidth="9" defaultRowHeight="30" customHeight="1" x14ac:dyDescent="0.15"/>
  <cols>
    <col min="1" max="1" width="11.375" style="1" customWidth="1"/>
    <col min="2" max="2" width="75.625" style="1" customWidth="1"/>
    <col min="3" max="16384" width="9" style="1"/>
  </cols>
  <sheetData>
    <row r="1" spans="1:2" ht="24.75" customHeight="1" x14ac:dyDescent="0.15">
      <c r="A1" s="32" t="s">
        <v>39</v>
      </c>
      <c r="B1" s="32"/>
    </row>
    <row r="2" spans="1:2" ht="24.75" customHeight="1" x14ac:dyDescent="0.15">
      <c r="A2" s="33" t="s">
        <v>12</v>
      </c>
      <c r="B2" s="33"/>
    </row>
    <row r="3" spans="1:2" ht="24.75" customHeight="1" x14ac:dyDescent="0.15">
      <c r="A3" s="34" t="s">
        <v>13</v>
      </c>
      <c r="B3" s="34"/>
    </row>
    <row r="4" spans="1:2" ht="24.75" customHeight="1" x14ac:dyDescent="0.15">
      <c r="A4" s="34" t="s">
        <v>27</v>
      </c>
      <c r="B4" s="34"/>
    </row>
    <row r="5" spans="1:2" ht="24.75" customHeight="1" x14ac:dyDescent="0.15">
      <c r="A5" s="35" t="s">
        <v>28</v>
      </c>
      <c r="B5" s="35"/>
    </row>
    <row r="6" spans="1:2" ht="26.25" customHeight="1" thickBot="1" x14ac:dyDescent="0.2">
      <c r="A6" s="36" t="s">
        <v>24</v>
      </c>
      <c r="B6" s="36"/>
    </row>
    <row r="7" spans="1:2" ht="27.6" customHeight="1" x14ac:dyDescent="0.15">
      <c r="A7" s="14" t="s">
        <v>7</v>
      </c>
      <c r="B7" s="22" t="s">
        <v>32</v>
      </c>
    </row>
    <row r="8" spans="1:2" ht="27.6" customHeight="1" x14ac:dyDescent="0.15">
      <c r="A8" s="16" t="s">
        <v>2</v>
      </c>
      <c r="B8" s="3"/>
    </row>
    <row r="9" spans="1:2" ht="27.6" customHeight="1" x14ac:dyDescent="0.15">
      <c r="A9" s="16" t="s">
        <v>21</v>
      </c>
      <c r="B9" s="17"/>
    </row>
    <row r="10" spans="1:2" ht="27.6" customHeight="1" x14ac:dyDescent="0.15">
      <c r="A10" s="16" t="s">
        <v>23</v>
      </c>
      <c r="B10" s="11"/>
    </row>
    <row r="11" spans="1:2" ht="27.6" customHeight="1" x14ac:dyDescent="0.15">
      <c r="A11" s="37" t="s">
        <v>0</v>
      </c>
      <c r="B11" s="4" t="s">
        <v>6</v>
      </c>
    </row>
    <row r="12" spans="1:2" ht="27.6" customHeight="1" x14ac:dyDescent="0.15">
      <c r="A12" s="37"/>
      <c r="B12" s="5" t="s">
        <v>4</v>
      </c>
    </row>
    <row r="13" spans="1:2" ht="27.6" customHeight="1" x14ac:dyDescent="0.15">
      <c r="A13" s="38" t="s">
        <v>15</v>
      </c>
      <c r="B13" s="9" t="s">
        <v>16</v>
      </c>
    </row>
    <row r="14" spans="1:2" ht="27.6" customHeight="1" x14ac:dyDescent="0.15">
      <c r="A14" s="39"/>
      <c r="B14" s="18" t="s">
        <v>20</v>
      </c>
    </row>
    <row r="15" spans="1:2" ht="19.149999999999999" customHeight="1" x14ac:dyDescent="0.15">
      <c r="A15" s="38" t="s">
        <v>1</v>
      </c>
      <c r="B15" s="19" t="s">
        <v>25</v>
      </c>
    </row>
    <row r="16" spans="1:2" ht="27.6" customHeight="1" x14ac:dyDescent="0.15">
      <c r="A16" s="40"/>
      <c r="B16" s="25" t="s">
        <v>26</v>
      </c>
    </row>
    <row r="17" spans="1:2" ht="27.6" customHeight="1" x14ac:dyDescent="0.15">
      <c r="A17" s="40"/>
      <c r="B17" s="23" t="s">
        <v>35</v>
      </c>
    </row>
    <row r="18" spans="1:2" ht="27.6" customHeight="1" x14ac:dyDescent="0.15">
      <c r="A18" s="39"/>
      <c r="B18" s="24" t="s">
        <v>29</v>
      </c>
    </row>
    <row r="19" spans="1:2" ht="27.6" customHeight="1" x14ac:dyDescent="0.15">
      <c r="A19" s="20" t="s">
        <v>18</v>
      </c>
      <c r="B19" s="12" t="s">
        <v>22</v>
      </c>
    </row>
    <row r="20" spans="1:2" ht="27.6" customHeight="1" x14ac:dyDescent="0.15">
      <c r="A20" s="21" t="s">
        <v>17</v>
      </c>
      <c r="B20" s="15"/>
    </row>
    <row r="21" spans="1:2" ht="27.6" customHeight="1" x14ac:dyDescent="0.15">
      <c r="A21" s="37" t="s">
        <v>19</v>
      </c>
      <c r="B21" s="6" t="s">
        <v>5</v>
      </c>
    </row>
    <row r="22" spans="1:2" ht="27.6" customHeight="1" x14ac:dyDescent="0.15">
      <c r="A22" s="37"/>
      <c r="B22" s="7" t="s">
        <v>3</v>
      </c>
    </row>
    <row r="23" spans="1:2" ht="27.6" customHeight="1" x14ac:dyDescent="0.15">
      <c r="A23" s="20" t="s">
        <v>9</v>
      </c>
      <c r="B23" s="8" t="s">
        <v>10</v>
      </c>
    </row>
    <row r="24" spans="1:2" ht="27.6" customHeight="1" x14ac:dyDescent="0.15">
      <c r="A24" s="38" t="s">
        <v>8</v>
      </c>
      <c r="B24" s="13" t="s">
        <v>14</v>
      </c>
    </row>
    <row r="25" spans="1:2" ht="27.6" customHeight="1" thickBot="1" x14ac:dyDescent="0.2">
      <c r="A25" s="41"/>
      <c r="B25" s="10"/>
    </row>
    <row r="26" spans="1:2" ht="27.6" customHeight="1" x14ac:dyDescent="0.15">
      <c r="A26" s="31" t="s">
        <v>11</v>
      </c>
      <c r="B26" s="31"/>
    </row>
    <row r="27" spans="1:2" ht="27.6" customHeight="1" x14ac:dyDescent="0.15">
      <c r="A27" s="26" t="s">
        <v>30</v>
      </c>
      <c r="B27" s="27"/>
    </row>
    <row r="28" spans="1:2" ht="27.6" customHeight="1" x14ac:dyDescent="0.15">
      <c r="A28" s="2" t="s">
        <v>34</v>
      </c>
      <c r="B28" s="28" t="s">
        <v>33</v>
      </c>
    </row>
    <row r="29" spans="1:2" ht="27.6" customHeight="1" x14ac:dyDescent="0.15">
      <c r="A29" s="2" t="s">
        <v>31</v>
      </c>
      <c r="B29" s="2"/>
    </row>
  </sheetData>
  <mergeCells count="12">
    <mergeCell ref="A26:B26"/>
    <mergeCell ref="A1:B1"/>
    <mergeCell ref="A2:B2"/>
    <mergeCell ref="A3:B3"/>
    <mergeCell ref="A4:B4"/>
    <mergeCell ref="A5:B5"/>
    <mergeCell ref="A6:B6"/>
    <mergeCell ref="A11:A12"/>
    <mergeCell ref="A13:A14"/>
    <mergeCell ref="A15:A18"/>
    <mergeCell ref="A21:A22"/>
    <mergeCell ref="A24:A25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8" orientation="portrait" r:id="rId1"/>
  <colBreaks count="1" manualBreakCount="1">
    <brk id="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40"/>
  <sheetViews>
    <sheetView view="pageBreakPreview" topLeftCell="A25" zoomScale="90" zoomScaleNormal="100" zoomScaleSheetLayoutView="90" zoomScalePageLayoutView="70" workbookViewId="0">
      <selection activeCell="A32" sqref="A32"/>
    </sheetView>
  </sheetViews>
  <sheetFormatPr defaultColWidth="9" defaultRowHeight="30" customHeight="1" x14ac:dyDescent="0.15"/>
  <cols>
    <col min="1" max="1" width="11.375" style="1" customWidth="1"/>
    <col min="2" max="2" width="75.625" style="1" customWidth="1"/>
    <col min="3" max="16384" width="9" style="1"/>
  </cols>
  <sheetData>
    <row r="1" spans="1:2" ht="24.75" customHeight="1" x14ac:dyDescent="0.15">
      <c r="A1" s="32" t="s">
        <v>39</v>
      </c>
      <c r="B1" s="32"/>
    </row>
    <row r="2" spans="1:2" ht="24.75" customHeight="1" x14ac:dyDescent="0.15">
      <c r="A2" s="33" t="s">
        <v>12</v>
      </c>
      <c r="B2" s="33"/>
    </row>
    <row r="3" spans="1:2" ht="24.75" customHeight="1" x14ac:dyDescent="0.15">
      <c r="A3" s="34" t="s">
        <v>13</v>
      </c>
      <c r="B3" s="34"/>
    </row>
    <row r="4" spans="1:2" ht="24.75" customHeight="1" x14ac:dyDescent="0.15">
      <c r="A4" s="34" t="s">
        <v>27</v>
      </c>
      <c r="B4" s="34"/>
    </row>
    <row r="5" spans="1:2" ht="24.75" customHeight="1" x14ac:dyDescent="0.15">
      <c r="A5" s="35" t="s">
        <v>28</v>
      </c>
      <c r="B5" s="35"/>
    </row>
    <row r="6" spans="1:2" ht="26.25" customHeight="1" thickBot="1" x14ac:dyDescent="0.2">
      <c r="A6" s="36" t="s">
        <v>24</v>
      </c>
      <c r="B6" s="36"/>
    </row>
    <row r="7" spans="1:2" ht="27.6" customHeight="1" x14ac:dyDescent="0.15">
      <c r="A7" s="14" t="s">
        <v>7</v>
      </c>
      <c r="B7" s="22" t="s">
        <v>32</v>
      </c>
    </row>
    <row r="8" spans="1:2" ht="27.6" customHeight="1" x14ac:dyDescent="0.15">
      <c r="A8" s="16" t="s">
        <v>2</v>
      </c>
      <c r="B8" s="3"/>
    </row>
    <row r="9" spans="1:2" ht="27.6" customHeight="1" x14ac:dyDescent="0.15">
      <c r="A9" s="16" t="s">
        <v>21</v>
      </c>
      <c r="B9" s="17"/>
    </row>
    <row r="10" spans="1:2" ht="27.6" customHeight="1" x14ac:dyDescent="0.15">
      <c r="A10" s="16" t="s">
        <v>23</v>
      </c>
      <c r="B10" s="11"/>
    </row>
    <row r="11" spans="1:2" ht="27.6" customHeight="1" x14ac:dyDescent="0.15">
      <c r="A11" s="37" t="s">
        <v>0</v>
      </c>
      <c r="B11" s="4" t="s">
        <v>6</v>
      </c>
    </row>
    <row r="12" spans="1:2" ht="27.6" customHeight="1" x14ac:dyDescent="0.15">
      <c r="A12" s="37"/>
      <c r="B12" s="5" t="s">
        <v>4</v>
      </c>
    </row>
    <row r="13" spans="1:2" ht="27.6" customHeight="1" x14ac:dyDescent="0.15">
      <c r="A13" s="38" t="s">
        <v>15</v>
      </c>
      <c r="B13" s="9" t="s">
        <v>16</v>
      </c>
    </row>
    <row r="14" spans="1:2" ht="27.6" customHeight="1" x14ac:dyDescent="0.15">
      <c r="A14" s="39"/>
      <c r="B14" s="18" t="s">
        <v>20</v>
      </c>
    </row>
    <row r="15" spans="1:2" ht="19.149999999999999" customHeight="1" x14ac:dyDescent="0.15">
      <c r="A15" s="38" t="s">
        <v>1</v>
      </c>
      <c r="B15" s="19" t="s">
        <v>25</v>
      </c>
    </row>
    <row r="16" spans="1:2" ht="27.6" customHeight="1" x14ac:dyDescent="0.15">
      <c r="A16" s="40"/>
      <c r="B16" s="25" t="s">
        <v>26</v>
      </c>
    </row>
    <row r="17" spans="1:2" ht="27.6" customHeight="1" x14ac:dyDescent="0.15">
      <c r="A17" s="40"/>
      <c r="B17" s="23" t="s">
        <v>35</v>
      </c>
    </row>
    <row r="18" spans="1:2" ht="27.6" customHeight="1" x14ac:dyDescent="0.15">
      <c r="A18" s="39"/>
      <c r="B18" s="24" t="s">
        <v>29</v>
      </c>
    </row>
    <row r="19" spans="1:2" ht="27.6" customHeight="1" x14ac:dyDescent="0.15">
      <c r="A19" s="29" t="s">
        <v>18</v>
      </c>
      <c r="B19" s="12" t="s">
        <v>22</v>
      </c>
    </row>
    <row r="20" spans="1:2" ht="27.6" customHeight="1" x14ac:dyDescent="0.15">
      <c r="A20" s="30" t="s">
        <v>17</v>
      </c>
      <c r="B20" s="15"/>
    </row>
    <row r="21" spans="1:2" ht="27.6" customHeight="1" x14ac:dyDescent="0.15">
      <c r="A21" s="37" t="s">
        <v>19</v>
      </c>
      <c r="B21" s="6" t="s">
        <v>5</v>
      </c>
    </row>
    <row r="22" spans="1:2" ht="27.6" customHeight="1" x14ac:dyDescent="0.15">
      <c r="A22" s="37"/>
      <c r="B22" s="7" t="s">
        <v>3</v>
      </c>
    </row>
    <row r="23" spans="1:2" ht="27.6" customHeight="1" x14ac:dyDescent="0.15">
      <c r="A23" s="29" t="s">
        <v>9</v>
      </c>
      <c r="B23" s="8" t="s">
        <v>10</v>
      </c>
    </row>
    <row r="24" spans="1:2" ht="27.6" customHeight="1" x14ac:dyDescent="0.15">
      <c r="A24" s="38" t="s">
        <v>8</v>
      </c>
      <c r="B24" s="13" t="s">
        <v>14</v>
      </c>
    </row>
    <row r="25" spans="1:2" ht="27.6" customHeight="1" thickBot="1" x14ac:dyDescent="0.2">
      <c r="A25" s="41"/>
      <c r="B25" s="10"/>
    </row>
    <row r="26" spans="1:2" ht="27.6" customHeight="1" x14ac:dyDescent="0.15">
      <c r="A26" s="31" t="s">
        <v>11</v>
      </c>
      <c r="B26" s="31"/>
    </row>
    <row r="27" spans="1:2" ht="27.6" customHeight="1" x14ac:dyDescent="0.15">
      <c r="A27" s="26" t="s">
        <v>30</v>
      </c>
      <c r="B27" s="27"/>
    </row>
    <row r="28" spans="1:2" ht="27.6" customHeight="1" x14ac:dyDescent="0.15">
      <c r="A28" s="2" t="s">
        <v>34</v>
      </c>
      <c r="B28" s="28" t="s">
        <v>33</v>
      </c>
    </row>
    <row r="29" spans="1:2" ht="27.6" customHeight="1" x14ac:dyDescent="0.15">
      <c r="A29" s="2" t="s">
        <v>31</v>
      </c>
      <c r="B29" s="2"/>
    </row>
    <row r="31" spans="1:2" ht="30" customHeight="1" x14ac:dyDescent="0.15">
      <c r="A31" s="32" t="s">
        <v>40</v>
      </c>
      <c r="B31" s="32"/>
    </row>
    <row r="33" spans="1:2" ht="30" customHeight="1" x14ac:dyDescent="0.15">
      <c r="A33" s="42" t="s">
        <v>38</v>
      </c>
      <c r="B33" s="42"/>
    </row>
    <row r="35" spans="1:2" ht="94.15" customHeight="1" x14ac:dyDescent="0.15">
      <c r="A35" s="44" t="s">
        <v>36</v>
      </c>
      <c r="B35" s="44"/>
    </row>
    <row r="40" spans="1:2" ht="30" customHeight="1" x14ac:dyDescent="0.15">
      <c r="A40" s="43" t="s">
        <v>37</v>
      </c>
      <c r="B40" s="43"/>
    </row>
  </sheetData>
  <mergeCells count="16">
    <mergeCell ref="A6:B6"/>
    <mergeCell ref="A1:B1"/>
    <mergeCell ref="A2:B2"/>
    <mergeCell ref="A3:B3"/>
    <mergeCell ref="A4:B4"/>
    <mergeCell ref="A5:B5"/>
    <mergeCell ref="A31:B31"/>
    <mergeCell ref="A33:B33"/>
    <mergeCell ref="A40:B40"/>
    <mergeCell ref="A35:B35"/>
    <mergeCell ref="A11:A12"/>
    <mergeCell ref="A13:A14"/>
    <mergeCell ref="A15:A18"/>
    <mergeCell ref="A21:A22"/>
    <mergeCell ref="A24:A25"/>
    <mergeCell ref="A26:B26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98" orientation="portrait" r:id="rId1"/>
  <rowBreaks count="1" manualBreakCount="1">
    <brk id="30" max="1" man="1"/>
  </rowBreaks>
  <colBreaks count="1" manualBreakCount="1">
    <brk id="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申込書 (新)</vt:lpstr>
      <vt:lpstr>申込書 (新) (提出依頼状付き)</vt:lpstr>
      <vt:lpstr>'申込書 (新)'!Print_Area</vt:lpstr>
      <vt:lpstr>'申込書 (新) (提出依頼状付き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3-04-27T07:46:55Z</cp:lastPrinted>
  <dcterms:created xsi:type="dcterms:W3CDTF">2006-05-09T00:40:58Z</dcterms:created>
  <dcterms:modified xsi:type="dcterms:W3CDTF">2024-04-18T02:34:19Z</dcterms:modified>
</cp:coreProperties>
</file>